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5_大井町\"/>
    </mc:Choice>
  </mc:AlternateContent>
  <workbookProtection workbookAlgorithmName="SHA-512" workbookHashValue="/2iJ9XNiXuTZ1AnJ/xtSGeRB0aw1R7VZJTJoyywRNv5pwKjmSjq6J9fHOs1XBtcRxcxr7e8X35zbjkrt6ve6MQ==" workbookSaltValue="Ov9raG0p/+CIwlJZqtRc+A==" workbookSpinCount="100000" lockStructure="1"/>
  <bookViews>
    <workbookView xWindow="0" yWindow="0" windowWidth="20496" windowHeight="6696"/>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7">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井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単年度では黒字経営となっておりますが、流動比率の低さや、老朽化の進行度合いを見ると、災害等による突発的な費用の発生に対する備えが不足している状況と言えます。
　現時点を経営の転換点と捉え、今後は料金改定による給水収益の増収と、計画に基づく着実な設備更新を進め、災害等不測の事態に備えつつ、安定的に水を供給できる体制を整えて参ります。</t>
    <rPh sb="1" eb="4">
      <t>タンネンド</t>
    </rPh>
    <rPh sb="6" eb="8">
      <t>クロジ</t>
    </rPh>
    <rPh sb="8" eb="10">
      <t>ケイエイ</t>
    </rPh>
    <rPh sb="20" eb="22">
      <t>リュウドウ</t>
    </rPh>
    <rPh sb="22" eb="24">
      <t>ヒリツ</t>
    </rPh>
    <rPh sb="25" eb="26">
      <t>ヒク</t>
    </rPh>
    <rPh sb="29" eb="32">
      <t>ロウキュウカ</t>
    </rPh>
    <rPh sb="33" eb="35">
      <t>シンコウ</t>
    </rPh>
    <rPh sb="35" eb="37">
      <t>ドア</t>
    </rPh>
    <rPh sb="39" eb="40">
      <t>ミ</t>
    </rPh>
    <rPh sb="43" eb="45">
      <t>サイガイ</t>
    </rPh>
    <rPh sb="45" eb="46">
      <t>トウ</t>
    </rPh>
    <rPh sb="49" eb="52">
      <t>トッパツテキ</t>
    </rPh>
    <rPh sb="53" eb="55">
      <t>ヒヨウ</t>
    </rPh>
    <rPh sb="56" eb="58">
      <t>ハッセイ</t>
    </rPh>
    <rPh sb="59" eb="60">
      <t>タイ</t>
    </rPh>
    <rPh sb="62" eb="63">
      <t>ソナ</t>
    </rPh>
    <rPh sb="65" eb="67">
      <t>フソク</t>
    </rPh>
    <rPh sb="71" eb="73">
      <t>ジョウキョウ</t>
    </rPh>
    <rPh sb="74" eb="75">
      <t>イ</t>
    </rPh>
    <rPh sb="81" eb="84">
      <t>ゲンジテン</t>
    </rPh>
    <rPh sb="85" eb="87">
      <t>ケイエイ</t>
    </rPh>
    <rPh sb="88" eb="91">
      <t>テンカンテン</t>
    </rPh>
    <rPh sb="92" eb="93">
      <t>トラ</t>
    </rPh>
    <rPh sb="95" eb="97">
      <t>コンゴ</t>
    </rPh>
    <rPh sb="98" eb="100">
      <t>リョウキン</t>
    </rPh>
    <rPh sb="100" eb="102">
      <t>カイテイ</t>
    </rPh>
    <rPh sb="105" eb="107">
      <t>キュウスイ</t>
    </rPh>
    <rPh sb="107" eb="109">
      <t>シュウエキ</t>
    </rPh>
    <rPh sb="110" eb="112">
      <t>ゾウシュウ</t>
    </rPh>
    <rPh sb="114" eb="116">
      <t>ケイカク</t>
    </rPh>
    <rPh sb="117" eb="118">
      <t>モト</t>
    </rPh>
    <rPh sb="120" eb="122">
      <t>チャクジツ</t>
    </rPh>
    <rPh sb="123" eb="125">
      <t>セツビ</t>
    </rPh>
    <rPh sb="125" eb="127">
      <t>コウシン</t>
    </rPh>
    <rPh sb="128" eb="129">
      <t>スス</t>
    </rPh>
    <rPh sb="131" eb="133">
      <t>サイガイ</t>
    </rPh>
    <rPh sb="133" eb="134">
      <t>トウ</t>
    </rPh>
    <rPh sb="134" eb="136">
      <t>フソク</t>
    </rPh>
    <rPh sb="137" eb="139">
      <t>ジタイ</t>
    </rPh>
    <rPh sb="140" eb="141">
      <t>ソナ</t>
    </rPh>
    <rPh sb="145" eb="147">
      <t>アンテイ</t>
    </rPh>
    <rPh sb="147" eb="148">
      <t>テキ</t>
    </rPh>
    <rPh sb="149" eb="150">
      <t>ミズ</t>
    </rPh>
    <rPh sb="151" eb="153">
      <t>キョウキュウ</t>
    </rPh>
    <rPh sb="156" eb="158">
      <t>タイセイ</t>
    </rPh>
    <rPh sb="159" eb="160">
      <t>トトノ</t>
    </rPh>
    <rPh sb="162" eb="163">
      <t>マイ</t>
    </rPh>
    <phoneticPr fontId="4"/>
  </si>
  <si>
    <t xml:space="preserve">　有形固定資産減価償却率は60%を超え、老朽化は確実に進行していますが、施設更新計画（H27策定）及び管路更新計画（H30策定）に基づき、今後順次設備更新を行っていく予定であり、今後は微増～横ばいになっていく見込みです。また、管路経年化率も今後は上昇の度合いが緩やかになり、管路更新率は上昇していく見込みです。
</t>
    <rPh sb="1" eb="3">
      <t>ユウケイ</t>
    </rPh>
    <rPh sb="3" eb="5">
      <t>コテイ</t>
    </rPh>
    <rPh sb="5" eb="7">
      <t>シサン</t>
    </rPh>
    <rPh sb="7" eb="9">
      <t>ゲンカ</t>
    </rPh>
    <rPh sb="9" eb="11">
      <t>ショウキャク</t>
    </rPh>
    <rPh sb="11" eb="12">
      <t>リツ</t>
    </rPh>
    <rPh sb="17" eb="18">
      <t>コ</t>
    </rPh>
    <rPh sb="20" eb="23">
      <t>ロウキュウカ</t>
    </rPh>
    <rPh sb="24" eb="26">
      <t>カクジツ</t>
    </rPh>
    <rPh sb="27" eb="29">
      <t>シンコウ</t>
    </rPh>
    <rPh sb="36" eb="38">
      <t>シセツ</t>
    </rPh>
    <rPh sb="38" eb="40">
      <t>コウシン</t>
    </rPh>
    <rPh sb="40" eb="42">
      <t>ケイカク</t>
    </rPh>
    <rPh sb="46" eb="48">
      <t>サクテイ</t>
    </rPh>
    <rPh sb="49" eb="50">
      <t>オヨ</t>
    </rPh>
    <rPh sb="51" eb="53">
      <t>カンロ</t>
    </rPh>
    <rPh sb="53" eb="55">
      <t>コウシン</t>
    </rPh>
    <rPh sb="55" eb="57">
      <t>ケイカク</t>
    </rPh>
    <rPh sb="61" eb="63">
      <t>サクテイ</t>
    </rPh>
    <rPh sb="65" eb="66">
      <t>モト</t>
    </rPh>
    <rPh sb="69" eb="71">
      <t>コンゴ</t>
    </rPh>
    <rPh sb="71" eb="73">
      <t>ジュンジ</t>
    </rPh>
    <rPh sb="73" eb="75">
      <t>セツビ</t>
    </rPh>
    <rPh sb="75" eb="77">
      <t>コウシン</t>
    </rPh>
    <rPh sb="78" eb="79">
      <t>オコナ</t>
    </rPh>
    <rPh sb="83" eb="85">
      <t>ヨテイ</t>
    </rPh>
    <rPh sb="89" eb="91">
      <t>コンゴ</t>
    </rPh>
    <rPh sb="92" eb="94">
      <t>ビゾウ</t>
    </rPh>
    <rPh sb="95" eb="96">
      <t>ヨコ</t>
    </rPh>
    <rPh sb="104" eb="106">
      <t>ミコ</t>
    </rPh>
    <rPh sb="113" eb="115">
      <t>カンロ</t>
    </rPh>
    <rPh sb="115" eb="118">
      <t>ケイネンカ</t>
    </rPh>
    <rPh sb="118" eb="119">
      <t>リツ</t>
    </rPh>
    <rPh sb="120" eb="122">
      <t>コンゴ</t>
    </rPh>
    <rPh sb="123" eb="125">
      <t>ジョウショウ</t>
    </rPh>
    <rPh sb="126" eb="128">
      <t>ドア</t>
    </rPh>
    <rPh sb="130" eb="131">
      <t>ユル</t>
    </rPh>
    <rPh sb="137" eb="139">
      <t>カンロ</t>
    </rPh>
    <rPh sb="139" eb="141">
      <t>コウシン</t>
    </rPh>
    <rPh sb="141" eb="142">
      <t>リツ</t>
    </rPh>
    <rPh sb="143" eb="145">
      <t>ジョウショウ</t>
    </rPh>
    <rPh sb="149" eb="151">
      <t>ミコ</t>
    </rPh>
    <phoneticPr fontId="4"/>
  </si>
  <si>
    <t>経常収支比率100%以上、累積欠損金比率0%であり、黒字経営を維持できていますが、給水収益は毎年減少の一途をたどっており、近年は水道利用加入金収入が給水収益の減少分を穴埋めしている状況にあります。平成３０年４月の料金改定により、給水収益が増加しましたが、今後も給水収益の減少傾向は続く見込みで、水道利用加入金収入も、住宅需要の動向によっては、減少に転じる可能性もあることから、引き続き注視していく必要があります。
　流動比率が類似団体に比して低い水準にあり、この要因の一つに企業債償還額の増加がありますが、企業債残高対給水収益比率からもわかるように、償還額は今後減少すると見込まれ、また平成３０年４月に料金改定を実施したことから、今後は増加が見込まれます。
　給水原価は類似団体に比して低く、料金回収率は100%を超えており、低コストかつ低料金で水の供給ができていると言えます。
　有収率は類似団体に比して高い水準となっておりますが、引き続き漏水調査等を継続し、有収率の向上を図るとともに、施設利用率が低下し続けていることから、災害等に対応できる体制を確保しつつ、施設更新時にはダウンサイジング等も検討して参ります。</t>
    <rPh sb="98" eb="100">
      <t>ヘイセイ</t>
    </rPh>
    <rPh sb="102" eb="103">
      <t>ネン</t>
    </rPh>
    <rPh sb="104" eb="105">
      <t>ガツ</t>
    </rPh>
    <rPh sb="119" eb="121">
      <t>ゾウカ</t>
    </rPh>
    <rPh sb="293" eb="295">
      <t>ヘイセイ</t>
    </rPh>
    <rPh sb="297" eb="298">
      <t>ネ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c:v>
                </c:pt>
                <c:pt idx="1">
                  <c:v>0</c:v>
                </c:pt>
                <c:pt idx="2" formatCode="#,##0.00;&quot;△&quot;#,##0.00;&quot;-&quot;">
                  <c:v>0.15</c:v>
                </c:pt>
                <c:pt idx="3">
                  <c:v>0</c:v>
                </c:pt>
                <c:pt idx="4">
                  <c:v>0</c:v>
                </c:pt>
              </c:numCache>
            </c:numRef>
          </c:val>
          <c:extLst xmlns:c16r2="http://schemas.microsoft.com/office/drawing/2015/06/chart">
            <c:ext xmlns:c16="http://schemas.microsoft.com/office/drawing/2014/chart" uri="{C3380CC4-5D6E-409C-BE32-E72D297353CC}">
              <c16:uniqueId val="{00000000-36DC-4069-A8F3-D78CD38E6F13}"/>
            </c:ext>
          </c:extLst>
        </c:ser>
        <c:dLbls>
          <c:showLegendKey val="0"/>
          <c:showVal val="0"/>
          <c:showCatName val="0"/>
          <c:showSerName val="0"/>
          <c:showPercent val="0"/>
          <c:showBubbleSize val="0"/>
        </c:dLbls>
        <c:gapWidth val="150"/>
        <c:axId val="395869864"/>
        <c:axId val="395867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6</c:v>
                </c:pt>
                <c:pt idx="1">
                  <c:v>0.99</c:v>
                </c:pt>
                <c:pt idx="2">
                  <c:v>0.71</c:v>
                </c:pt>
                <c:pt idx="3">
                  <c:v>0.54</c:v>
                </c:pt>
                <c:pt idx="4">
                  <c:v>0.5</c:v>
                </c:pt>
              </c:numCache>
            </c:numRef>
          </c:val>
          <c:smooth val="0"/>
          <c:extLst xmlns:c16r2="http://schemas.microsoft.com/office/drawing/2015/06/chart">
            <c:ext xmlns:c16="http://schemas.microsoft.com/office/drawing/2014/chart" uri="{C3380CC4-5D6E-409C-BE32-E72D297353CC}">
              <c16:uniqueId val="{00000001-36DC-4069-A8F3-D78CD38E6F13}"/>
            </c:ext>
          </c:extLst>
        </c:ser>
        <c:dLbls>
          <c:showLegendKey val="0"/>
          <c:showVal val="0"/>
          <c:showCatName val="0"/>
          <c:showSerName val="0"/>
          <c:showPercent val="0"/>
          <c:showBubbleSize val="0"/>
        </c:dLbls>
        <c:marker val="1"/>
        <c:smooth val="0"/>
        <c:axId val="395869864"/>
        <c:axId val="395867512"/>
      </c:lineChart>
      <c:dateAx>
        <c:axId val="395869864"/>
        <c:scaling>
          <c:orientation val="minMax"/>
        </c:scaling>
        <c:delete val="1"/>
        <c:axPos val="b"/>
        <c:numFmt formatCode="ge" sourceLinked="1"/>
        <c:majorTickMark val="none"/>
        <c:minorTickMark val="none"/>
        <c:tickLblPos val="none"/>
        <c:crossAx val="395867512"/>
        <c:crosses val="autoZero"/>
        <c:auto val="1"/>
        <c:lblOffset val="100"/>
        <c:baseTimeUnit val="years"/>
      </c:dateAx>
      <c:valAx>
        <c:axId val="395867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869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50.39</c:v>
                </c:pt>
                <c:pt idx="1">
                  <c:v>49.81</c:v>
                </c:pt>
                <c:pt idx="2">
                  <c:v>48.87</c:v>
                </c:pt>
                <c:pt idx="3">
                  <c:v>48.55</c:v>
                </c:pt>
                <c:pt idx="4">
                  <c:v>48.93</c:v>
                </c:pt>
              </c:numCache>
            </c:numRef>
          </c:val>
          <c:extLst xmlns:c16r2="http://schemas.microsoft.com/office/drawing/2015/06/chart">
            <c:ext xmlns:c16="http://schemas.microsoft.com/office/drawing/2014/chart" uri="{C3380CC4-5D6E-409C-BE32-E72D297353CC}">
              <c16:uniqueId val="{00000000-56F4-4786-A009-FA8EE0C1D605}"/>
            </c:ext>
          </c:extLst>
        </c:ser>
        <c:dLbls>
          <c:showLegendKey val="0"/>
          <c:showVal val="0"/>
          <c:showCatName val="0"/>
          <c:showSerName val="0"/>
          <c:showPercent val="0"/>
          <c:showBubbleSize val="0"/>
        </c:dLbls>
        <c:gapWidth val="150"/>
        <c:axId val="486756352"/>
        <c:axId val="486759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13</c:v>
                </c:pt>
                <c:pt idx="1">
                  <c:v>54.77</c:v>
                </c:pt>
                <c:pt idx="2">
                  <c:v>54.92</c:v>
                </c:pt>
                <c:pt idx="3">
                  <c:v>55.63</c:v>
                </c:pt>
                <c:pt idx="4">
                  <c:v>55.03</c:v>
                </c:pt>
              </c:numCache>
            </c:numRef>
          </c:val>
          <c:smooth val="0"/>
          <c:extLst xmlns:c16r2="http://schemas.microsoft.com/office/drawing/2015/06/chart">
            <c:ext xmlns:c16="http://schemas.microsoft.com/office/drawing/2014/chart" uri="{C3380CC4-5D6E-409C-BE32-E72D297353CC}">
              <c16:uniqueId val="{00000001-56F4-4786-A009-FA8EE0C1D605}"/>
            </c:ext>
          </c:extLst>
        </c:ser>
        <c:dLbls>
          <c:showLegendKey val="0"/>
          <c:showVal val="0"/>
          <c:showCatName val="0"/>
          <c:showSerName val="0"/>
          <c:showPercent val="0"/>
          <c:showBubbleSize val="0"/>
        </c:dLbls>
        <c:marker val="1"/>
        <c:smooth val="0"/>
        <c:axId val="486756352"/>
        <c:axId val="486759488"/>
      </c:lineChart>
      <c:dateAx>
        <c:axId val="486756352"/>
        <c:scaling>
          <c:orientation val="minMax"/>
        </c:scaling>
        <c:delete val="1"/>
        <c:axPos val="b"/>
        <c:numFmt formatCode="ge" sourceLinked="1"/>
        <c:majorTickMark val="none"/>
        <c:minorTickMark val="none"/>
        <c:tickLblPos val="none"/>
        <c:crossAx val="486759488"/>
        <c:crosses val="autoZero"/>
        <c:auto val="1"/>
        <c:lblOffset val="100"/>
        <c:baseTimeUnit val="years"/>
      </c:dateAx>
      <c:valAx>
        <c:axId val="486759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756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86.9</c:v>
                </c:pt>
                <c:pt idx="1">
                  <c:v>87</c:v>
                </c:pt>
                <c:pt idx="2">
                  <c:v>87.2</c:v>
                </c:pt>
                <c:pt idx="3">
                  <c:v>87.25</c:v>
                </c:pt>
                <c:pt idx="4">
                  <c:v>87.36</c:v>
                </c:pt>
              </c:numCache>
            </c:numRef>
          </c:val>
          <c:extLst xmlns:c16r2="http://schemas.microsoft.com/office/drawing/2015/06/chart">
            <c:ext xmlns:c16="http://schemas.microsoft.com/office/drawing/2014/chart" uri="{C3380CC4-5D6E-409C-BE32-E72D297353CC}">
              <c16:uniqueId val="{00000000-624A-434D-83B6-76E6CA188586}"/>
            </c:ext>
          </c:extLst>
        </c:ser>
        <c:dLbls>
          <c:showLegendKey val="0"/>
          <c:showVal val="0"/>
          <c:showCatName val="0"/>
          <c:showSerName val="0"/>
          <c:showPercent val="0"/>
          <c:showBubbleSize val="0"/>
        </c:dLbls>
        <c:gapWidth val="150"/>
        <c:axId val="486817248"/>
        <c:axId val="486819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3</c:v>
                </c:pt>
                <c:pt idx="1">
                  <c:v>82.89</c:v>
                </c:pt>
                <c:pt idx="2">
                  <c:v>82.66</c:v>
                </c:pt>
                <c:pt idx="3">
                  <c:v>82.04</c:v>
                </c:pt>
                <c:pt idx="4">
                  <c:v>81.900000000000006</c:v>
                </c:pt>
              </c:numCache>
            </c:numRef>
          </c:val>
          <c:smooth val="0"/>
          <c:extLst xmlns:c16r2="http://schemas.microsoft.com/office/drawing/2015/06/chart">
            <c:ext xmlns:c16="http://schemas.microsoft.com/office/drawing/2014/chart" uri="{C3380CC4-5D6E-409C-BE32-E72D297353CC}">
              <c16:uniqueId val="{00000001-624A-434D-83B6-76E6CA188586}"/>
            </c:ext>
          </c:extLst>
        </c:ser>
        <c:dLbls>
          <c:showLegendKey val="0"/>
          <c:showVal val="0"/>
          <c:showCatName val="0"/>
          <c:showSerName val="0"/>
          <c:showPercent val="0"/>
          <c:showBubbleSize val="0"/>
        </c:dLbls>
        <c:marker val="1"/>
        <c:smooth val="0"/>
        <c:axId val="486817248"/>
        <c:axId val="486819208"/>
      </c:lineChart>
      <c:dateAx>
        <c:axId val="486817248"/>
        <c:scaling>
          <c:orientation val="minMax"/>
        </c:scaling>
        <c:delete val="1"/>
        <c:axPos val="b"/>
        <c:numFmt formatCode="ge" sourceLinked="1"/>
        <c:majorTickMark val="none"/>
        <c:minorTickMark val="none"/>
        <c:tickLblPos val="none"/>
        <c:crossAx val="486819208"/>
        <c:crosses val="autoZero"/>
        <c:auto val="1"/>
        <c:lblOffset val="100"/>
        <c:baseTimeUnit val="years"/>
      </c:dateAx>
      <c:valAx>
        <c:axId val="486819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817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10.06</c:v>
                </c:pt>
                <c:pt idx="1">
                  <c:v>113.7</c:v>
                </c:pt>
                <c:pt idx="2">
                  <c:v>122.23</c:v>
                </c:pt>
                <c:pt idx="3">
                  <c:v>121.92</c:v>
                </c:pt>
                <c:pt idx="4">
                  <c:v>132.46</c:v>
                </c:pt>
              </c:numCache>
            </c:numRef>
          </c:val>
          <c:extLst xmlns:c16r2="http://schemas.microsoft.com/office/drawing/2015/06/chart">
            <c:ext xmlns:c16="http://schemas.microsoft.com/office/drawing/2014/chart" uri="{C3380CC4-5D6E-409C-BE32-E72D297353CC}">
              <c16:uniqueId val="{00000000-E917-459D-B2BC-D5E4DAC85362}"/>
            </c:ext>
          </c:extLst>
        </c:ser>
        <c:dLbls>
          <c:showLegendKey val="0"/>
          <c:showVal val="0"/>
          <c:showCatName val="0"/>
          <c:showSerName val="0"/>
          <c:showPercent val="0"/>
          <c:showBubbleSize val="0"/>
        </c:dLbls>
        <c:gapWidth val="150"/>
        <c:axId val="395871824"/>
        <c:axId val="395864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0.01</c:v>
                </c:pt>
                <c:pt idx="1">
                  <c:v>111.21</c:v>
                </c:pt>
                <c:pt idx="2">
                  <c:v>111.71</c:v>
                </c:pt>
                <c:pt idx="3">
                  <c:v>110.05</c:v>
                </c:pt>
                <c:pt idx="4">
                  <c:v>108.87</c:v>
                </c:pt>
              </c:numCache>
            </c:numRef>
          </c:val>
          <c:smooth val="0"/>
          <c:extLst xmlns:c16r2="http://schemas.microsoft.com/office/drawing/2015/06/chart">
            <c:ext xmlns:c16="http://schemas.microsoft.com/office/drawing/2014/chart" uri="{C3380CC4-5D6E-409C-BE32-E72D297353CC}">
              <c16:uniqueId val="{00000001-E917-459D-B2BC-D5E4DAC85362}"/>
            </c:ext>
          </c:extLst>
        </c:ser>
        <c:dLbls>
          <c:showLegendKey val="0"/>
          <c:showVal val="0"/>
          <c:showCatName val="0"/>
          <c:showSerName val="0"/>
          <c:showPercent val="0"/>
          <c:showBubbleSize val="0"/>
        </c:dLbls>
        <c:marker val="1"/>
        <c:smooth val="0"/>
        <c:axId val="395871824"/>
        <c:axId val="395864768"/>
      </c:lineChart>
      <c:dateAx>
        <c:axId val="395871824"/>
        <c:scaling>
          <c:orientation val="minMax"/>
        </c:scaling>
        <c:delete val="1"/>
        <c:axPos val="b"/>
        <c:numFmt formatCode="ge" sourceLinked="1"/>
        <c:majorTickMark val="none"/>
        <c:minorTickMark val="none"/>
        <c:tickLblPos val="none"/>
        <c:crossAx val="395864768"/>
        <c:crosses val="autoZero"/>
        <c:auto val="1"/>
        <c:lblOffset val="100"/>
        <c:baseTimeUnit val="years"/>
      </c:dateAx>
      <c:valAx>
        <c:axId val="3958647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95871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53.81</c:v>
                </c:pt>
                <c:pt idx="1">
                  <c:v>56</c:v>
                </c:pt>
                <c:pt idx="2">
                  <c:v>58.1</c:v>
                </c:pt>
                <c:pt idx="3">
                  <c:v>60.23</c:v>
                </c:pt>
                <c:pt idx="4">
                  <c:v>61.34</c:v>
                </c:pt>
              </c:numCache>
            </c:numRef>
          </c:val>
          <c:extLst xmlns:c16r2="http://schemas.microsoft.com/office/drawing/2015/06/chart">
            <c:ext xmlns:c16="http://schemas.microsoft.com/office/drawing/2014/chart" uri="{C3380CC4-5D6E-409C-BE32-E72D297353CC}">
              <c16:uniqueId val="{00000000-126F-4AC7-88A9-2A99375ECDF8}"/>
            </c:ext>
          </c:extLst>
        </c:ser>
        <c:dLbls>
          <c:showLegendKey val="0"/>
          <c:showVal val="0"/>
          <c:showCatName val="0"/>
          <c:showSerName val="0"/>
          <c:showPercent val="0"/>
          <c:showBubbleSize val="0"/>
        </c:dLbls>
        <c:gapWidth val="150"/>
        <c:axId val="395865552"/>
        <c:axId val="395870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66</c:v>
                </c:pt>
                <c:pt idx="1">
                  <c:v>47.46</c:v>
                </c:pt>
                <c:pt idx="2">
                  <c:v>48.49</c:v>
                </c:pt>
                <c:pt idx="3">
                  <c:v>48.05</c:v>
                </c:pt>
                <c:pt idx="4">
                  <c:v>48.87</c:v>
                </c:pt>
              </c:numCache>
            </c:numRef>
          </c:val>
          <c:smooth val="0"/>
          <c:extLst xmlns:c16r2="http://schemas.microsoft.com/office/drawing/2015/06/chart">
            <c:ext xmlns:c16="http://schemas.microsoft.com/office/drawing/2014/chart" uri="{C3380CC4-5D6E-409C-BE32-E72D297353CC}">
              <c16:uniqueId val="{00000001-126F-4AC7-88A9-2A99375ECDF8}"/>
            </c:ext>
          </c:extLst>
        </c:ser>
        <c:dLbls>
          <c:showLegendKey val="0"/>
          <c:showVal val="0"/>
          <c:showCatName val="0"/>
          <c:showSerName val="0"/>
          <c:showPercent val="0"/>
          <c:showBubbleSize val="0"/>
        </c:dLbls>
        <c:marker val="1"/>
        <c:smooth val="0"/>
        <c:axId val="395865552"/>
        <c:axId val="395870256"/>
      </c:lineChart>
      <c:dateAx>
        <c:axId val="395865552"/>
        <c:scaling>
          <c:orientation val="minMax"/>
        </c:scaling>
        <c:delete val="1"/>
        <c:axPos val="b"/>
        <c:numFmt formatCode="ge" sourceLinked="1"/>
        <c:majorTickMark val="none"/>
        <c:minorTickMark val="none"/>
        <c:tickLblPos val="none"/>
        <c:crossAx val="395870256"/>
        <c:crosses val="autoZero"/>
        <c:auto val="1"/>
        <c:lblOffset val="100"/>
        <c:baseTimeUnit val="years"/>
      </c:dateAx>
      <c:valAx>
        <c:axId val="395870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865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3.68</c:v>
                </c:pt>
                <c:pt idx="1">
                  <c:v>5.08</c:v>
                </c:pt>
                <c:pt idx="2">
                  <c:v>11.07</c:v>
                </c:pt>
                <c:pt idx="3">
                  <c:v>11.22</c:v>
                </c:pt>
                <c:pt idx="4">
                  <c:v>25.79</c:v>
                </c:pt>
              </c:numCache>
            </c:numRef>
          </c:val>
          <c:extLst xmlns:c16r2="http://schemas.microsoft.com/office/drawing/2015/06/chart">
            <c:ext xmlns:c16="http://schemas.microsoft.com/office/drawing/2014/chart" uri="{C3380CC4-5D6E-409C-BE32-E72D297353CC}">
              <c16:uniqueId val="{00000000-A6A8-4655-A375-4572AEF0E7F6}"/>
            </c:ext>
          </c:extLst>
        </c:ser>
        <c:dLbls>
          <c:showLegendKey val="0"/>
          <c:showVal val="0"/>
          <c:showCatName val="0"/>
          <c:showSerName val="0"/>
          <c:showPercent val="0"/>
          <c:showBubbleSize val="0"/>
        </c:dLbls>
        <c:gapWidth val="150"/>
        <c:axId val="395866336"/>
        <c:axId val="395870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85</c:v>
                </c:pt>
                <c:pt idx="1">
                  <c:v>9.7100000000000009</c:v>
                </c:pt>
                <c:pt idx="2">
                  <c:v>12.79</c:v>
                </c:pt>
                <c:pt idx="3">
                  <c:v>13.39</c:v>
                </c:pt>
                <c:pt idx="4">
                  <c:v>14.85</c:v>
                </c:pt>
              </c:numCache>
            </c:numRef>
          </c:val>
          <c:smooth val="0"/>
          <c:extLst xmlns:c16r2="http://schemas.microsoft.com/office/drawing/2015/06/chart">
            <c:ext xmlns:c16="http://schemas.microsoft.com/office/drawing/2014/chart" uri="{C3380CC4-5D6E-409C-BE32-E72D297353CC}">
              <c16:uniqueId val="{00000001-A6A8-4655-A375-4572AEF0E7F6}"/>
            </c:ext>
          </c:extLst>
        </c:ser>
        <c:dLbls>
          <c:showLegendKey val="0"/>
          <c:showVal val="0"/>
          <c:showCatName val="0"/>
          <c:showSerName val="0"/>
          <c:showPercent val="0"/>
          <c:showBubbleSize val="0"/>
        </c:dLbls>
        <c:marker val="1"/>
        <c:smooth val="0"/>
        <c:axId val="395866336"/>
        <c:axId val="395870648"/>
      </c:lineChart>
      <c:dateAx>
        <c:axId val="395866336"/>
        <c:scaling>
          <c:orientation val="minMax"/>
        </c:scaling>
        <c:delete val="1"/>
        <c:axPos val="b"/>
        <c:numFmt formatCode="ge" sourceLinked="1"/>
        <c:majorTickMark val="none"/>
        <c:minorTickMark val="none"/>
        <c:tickLblPos val="none"/>
        <c:crossAx val="395870648"/>
        <c:crosses val="autoZero"/>
        <c:auto val="1"/>
        <c:lblOffset val="100"/>
        <c:baseTimeUnit val="years"/>
      </c:dateAx>
      <c:valAx>
        <c:axId val="395870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866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A1F-4D0F-BE24-6EB468BC8D52}"/>
            </c:ext>
          </c:extLst>
        </c:ser>
        <c:dLbls>
          <c:showLegendKey val="0"/>
          <c:showVal val="0"/>
          <c:showCatName val="0"/>
          <c:showSerName val="0"/>
          <c:showPercent val="0"/>
          <c:showBubbleSize val="0"/>
        </c:dLbls>
        <c:gapWidth val="150"/>
        <c:axId val="395866728"/>
        <c:axId val="395867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8</c:v>
                </c:pt>
                <c:pt idx="1">
                  <c:v>1.93</c:v>
                </c:pt>
                <c:pt idx="2">
                  <c:v>1.72</c:v>
                </c:pt>
                <c:pt idx="3">
                  <c:v>2.64</c:v>
                </c:pt>
                <c:pt idx="4">
                  <c:v>3.16</c:v>
                </c:pt>
              </c:numCache>
            </c:numRef>
          </c:val>
          <c:smooth val="0"/>
          <c:extLst xmlns:c16r2="http://schemas.microsoft.com/office/drawing/2015/06/chart">
            <c:ext xmlns:c16="http://schemas.microsoft.com/office/drawing/2014/chart" uri="{C3380CC4-5D6E-409C-BE32-E72D297353CC}">
              <c16:uniqueId val="{00000001-8A1F-4D0F-BE24-6EB468BC8D52}"/>
            </c:ext>
          </c:extLst>
        </c:ser>
        <c:dLbls>
          <c:showLegendKey val="0"/>
          <c:showVal val="0"/>
          <c:showCatName val="0"/>
          <c:showSerName val="0"/>
          <c:showPercent val="0"/>
          <c:showBubbleSize val="0"/>
        </c:dLbls>
        <c:marker val="1"/>
        <c:smooth val="0"/>
        <c:axId val="395866728"/>
        <c:axId val="395867120"/>
      </c:lineChart>
      <c:dateAx>
        <c:axId val="395866728"/>
        <c:scaling>
          <c:orientation val="minMax"/>
        </c:scaling>
        <c:delete val="1"/>
        <c:axPos val="b"/>
        <c:numFmt formatCode="ge" sourceLinked="1"/>
        <c:majorTickMark val="none"/>
        <c:minorTickMark val="none"/>
        <c:tickLblPos val="none"/>
        <c:crossAx val="395867120"/>
        <c:crosses val="autoZero"/>
        <c:auto val="1"/>
        <c:lblOffset val="100"/>
        <c:baseTimeUnit val="years"/>
      </c:dateAx>
      <c:valAx>
        <c:axId val="39586712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95866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67.42</c:v>
                </c:pt>
                <c:pt idx="1">
                  <c:v>58.1</c:v>
                </c:pt>
                <c:pt idx="2">
                  <c:v>60.64</c:v>
                </c:pt>
                <c:pt idx="3">
                  <c:v>55.79</c:v>
                </c:pt>
                <c:pt idx="4">
                  <c:v>81.599999999999994</c:v>
                </c:pt>
              </c:numCache>
            </c:numRef>
          </c:val>
          <c:extLst xmlns:c16r2="http://schemas.microsoft.com/office/drawing/2015/06/chart">
            <c:ext xmlns:c16="http://schemas.microsoft.com/office/drawing/2014/chart" uri="{C3380CC4-5D6E-409C-BE32-E72D297353CC}">
              <c16:uniqueId val="{00000000-A5A5-4DC3-B94A-B632611D1155}"/>
            </c:ext>
          </c:extLst>
        </c:ser>
        <c:dLbls>
          <c:showLegendKey val="0"/>
          <c:showVal val="0"/>
          <c:showCatName val="0"/>
          <c:showSerName val="0"/>
          <c:showPercent val="0"/>
          <c:showBubbleSize val="0"/>
        </c:dLbls>
        <c:gapWidth val="150"/>
        <c:axId val="486762624"/>
        <c:axId val="486761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81.53</c:v>
                </c:pt>
                <c:pt idx="1">
                  <c:v>391.54</c:v>
                </c:pt>
                <c:pt idx="2">
                  <c:v>384.34</c:v>
                </c:pt>
                <c:pt idx="3">
                  <c:v>359.47</c:v>
                </c:pt>
                <c:pt idx="4">
                  <c:v>369.69</c:v>
                </c:pt>
              </c:numCache>
            </c:numRef>
          </c:val>
          <c:smooth val="0"/>
          <c:extLst xmlns:c16r2="http://schemas.microsoft.com/office/drawing/2015/06/chart">
            <c:ext xmlns:c16="http://schemas.microsoft.com/office/drawing/2014/chart" uri="{C3380CC4-5D6E-409C-BE32-E72D297353CC}">
              <c16:uniqueId val="{00000001-A5A5-4DC3-B94A-B632611D1155}"/>
            </c:ext>
          </c:extLst>
        </c:ser>
        <c:dLbls>
          <c:showLegendKey val="0"/>
          <c:showVal val="0"/>
          <c:showCatName val="0"/>
          <c:showSerName val="0"/>
          <c:showPercent val="0"/>
          <c:showBubbleSize val="0"/>
        </c:dLbls>
        <c:marker val="1"/>
        <c:smooth val="0"/>
        <c:axId val="486762624"/>
        <c:axId val="486761840"/>
      </c:lineChart>
      <c:dateAx>
        <c:axId val="486762624"/>
        <c:scaling>
          <c:orientation val="minMax"/>
        </c:scaling>
        <c:delete val="1"/>
        <c:axPos val="b"/>
        <c:numFmt formatCode="ge" sourceLinked="1"/>
        <c:majorTickMark val="none"/>
        <c:minorTickMark val="none"/>
        <c:tickLblPos val="none"/>
        <c:crossAx val="486761840"/>
        <c:crosses val="autoZero"/>
        <c:auto val="1"/>
        <c:lblOffset val="100"/>
        <c:baseTimeUnit val="years"/>
      </c:dateAx>
      <c:valAx>
        <c:axId val="48676184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6762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549.48</c:v>
                </c:pt>
                <c:pt idx="1">
                  <c:v>496.49</c:v>
                </c:pt>
                <c:pt idx="2">
                  <c:v>448.52</c:v>
                </c:pt>
                <c:pt idx="3">
                  <c:v>389.7</c:v>
                </c:pt>
                <c:pt idx="4">
                  <c:v>311.26</c:v>
                </c:pt>
              </c:numCache>
            </c:numRef>
          </c:val>
          <c:extLst xmlns:c16r2="http://schemas.microsoft.com/office/drawing/2015/06/chart">
            <c:ext xmlns:c16="http://schemas.microsoft.com/office/drawing/2014/chart" uri="{C3380CC4-5D6E-409C-BE32-E72D297353CC}">
              <c16:uniqueId val="{00000000-5E00-4024-97FE-1C9F22CC20D5}"/>
            </c:ext>
          </c:extLst>
        </c:ser>
        <c:dLbls>
          <c:showLegendKey val="0"/>
          <c:showVal val="0"/>
          <c:showCatName val="0"/>
          <c:showSerName val="0"/>
          <c:showPercent val="0"/>
          <c:showBubbleSize val="0"/>
        </c:dLbls>
        <c:gapWidth val="150"/>
        <c:axId val="486757528"/>
        <c:axId val="486760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93.27</c:v>
                </c:pt>
                <c:pt idx="1">
                  <c:v>386.97</c:v>
                </c:pt>
                <c:pt idx="2">
                  <c:v>380.58</c:v>
                </c:pt>
                <c:pt idx="3">
                  <c:v>401.79</c:v>
                </c:pt>
                <c:pt idx="4">
                  <c:v>402.99</c:v>
                </c:pt>
              </c:numCache>
            </c:numRef>
          </c:val>
          <c:smooth val="0"/>
          <c:extLst xmlns:c16r2="http://schemas.microsoft.com/office/drawing/2015/06/chart">
            <c:ext xmlns:c16="http://schemas.microsoft.com/office/drawing/2014/chart" uri="{C3380CC4-5D6E-409C-BE32-E72D297353CC}">
              <c16:uniqueId val="{00000001-5E00-4024-97FE-1C9F22CC20D5}"/>
            </c:ext>
          </c:extLst>
        </c:ser>
        <c:dLbls>
          <c:showLegendKey val="0"/>
          <c:showVal val="0"/>
          <c:showCatName val="0"/>
          <c:showSerName val="0"/>
          <c:showPercent val="0"/>
          <c:showBubbleSize val="0"/>
        </c:dLbls>
        <c:marker val="1"/>
        <c:smooth val="0"/>
        <c:axId val="486757528"/>
        <c:axId val="486760664"/>
      </c:lineChart>
      <c:dateAx>
        <c:axId val="486757528"/>
        <c:scaling>
          <c:orientation val="minMax"/>
        </c:scaling>
        <c:delete val="1"/>
        <c:axPos val="b"/>
        <c:numFmt formatCode="ge" sourceLinked="1"/>
        <c:majorTickMark val="none"/>
        <c:minorTickMark val="none"/>
        <c:tickLblPos val="none"/>
        <c:crossAx val="486760664"/>
        <c:crosses val="autoZero"/>
        <c:auto val="1"/>
        <c:lblOffset val="100"/>
        <c:baseTimeUnit val="years"/>
      </c:dateAx>
      <c:valAx>
        <c:axId val="48676066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6757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8.05</c:v>
                </c:pt>
                <c:pt idx="1">
                  <c:v>100.78</c:v>
                </c:pt>
                <c:pt idx="2">
                  <c:v>106.97</c:v>
                </c:pt>
                <c:pt idx="3">
                  <c:v>106.94</c:v>
                </c:pt>
                <c:pt idx="4">
                  <c:v>120.03</c:v>
                </c:pt>
              </c:numCache>
            </c:numRef>
          </c:val>
          <c:extLst xmlns:c16r2="http://schemas.microsoft.com/office/drawing/2015/06/chart">
            <c:ext xmlns:c16="http://schemas.microsoft.com/office/drawing/2014/chart" uri="{C3380CC4-5D6E-409C-BE32-E72D297353CC}">
              <c16:uniqueId val="{00000000-A762-4D7C-AEAB-39B137593094}"/>
            </c:ext>
          </c:extLst>
        </c:ser>
        <c:dLbls>
          <c:showLegendKey val="0"/>
          <c:showVal val="0"/>
          <c:showCatName val="0"/>
          <c:showSerName val="0"/>
          <c:showPercent val="0"/>
          <c:showBubbleSize val="0"/>
        </c:dLbls>
        <c:gapWidth val="150"/>
        <c:axId val="486762232"/>
        <c:axId val="486760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7</c:v>
                </c:pt>
                <c:pt idx="1">
                  <c:v>101.72</c:v>
                </c:pt>
                <c:pt idx="2">
                  <c:v>102.38</c:v>
                </c:pt>
                <c:pt idx="3">
                  <c:v>100.12</c:v>
                </c:pt>
                <c:pt idx="4">
                  <c:v>98.66</c:v>
                </c:pt>
              </c:numCache>
            </c:numRef>
          </c:val>
          <c:smooth val="0"/>
          <c:extLst xmlns:c16r2="http://schemas.microsoft.com/office/drawing/2015/06/chart">
            <c:ext xmlns:c16="http://schemas.microsoft.com/office/drawing/2014/chart" uri="{C3380CC4-5D6E-409C-BE32-E72D297353CC}">
              <c16:uniqueId val="{00000001-A762-4D7C-AEAB-39B137593094}"/>
            </c:ext>
          </c:extLst>
        </c:ser>
        <c:dLbls>
          <c:showLegendKey val="0"/>
          <c:showVal val="0"/>
          <c:showCatName val="0"/>
          <c:showSerName val="0"/>
          <c:showPercent val="0"/>
          <c:showBubbleSize val="0"/>
        </c:dLbls>
        <c:marker val="1"/>
        <c:smooth val="0"/>
        <c:axId val="486762232"/>
        <c:axId val="486760272"/>
      </c:lineChart>
      <c:dateAx>
        <c:axId val="486762232"/>
        <c:scaling>
          <c:orientation val="minMax"/>
        </c:scaling>
        <c:delete val="1"/>
        <c:axPos val="b"/>
        <c:numFmt formatCode="ge" sourceLinked="1"/>
        <c:majorTickMark val="none"/>
        <c:minorTickMark val="none"/>
        <c:tickLblPos val="none"/>
        <c:crossAx val="486760272"/>
        <c:crosses val="autoZero"/>
        <c:auto val="1"/>
        <c:lblOffset val="100"/>
        <c:baseTimeUnit val="years"/>
      </c:dateAx>
      <c:valAx>
        <c:axId val="486760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762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06.07</c:v>
                </c:pt>
                <c:pt idx="1">
                  <c:v>103.21</c:v>
                </c:pt>
                <c:pt idx="2">
                  <c:v>96.61</c:v>
                </c:pt>
                <c:pt idx="3">
                  <c:v>95.99</c:v>
                </c:pt>
                <c:pt idx="4">
                  <c:v>100.75</c:v>
                </c:pt>
              </c:numCache>
            </c:numRef>
          </c:val>
          <c:extLst xmlns:c16r2="http://schemas.microsoft.com/office/drawing/2015/06/chart">
            <c:ext xmlns:c16="http://schemas.microsoft.com/office/drawing/2014/chart" uri="{C3380CC4-5D6E-409C-BE32-E72D297353CC}">
              <c16:uniqueId val="{00000000-E3A8-4C58-BD7A-B8F555DF0555}"/>
            </c:ext>
          </c:extLst>
        </c:ser>
        <c:dLbls>
          <c:showLegendKey val="0"/>
          <c:showVal val="0"/>
          <c:showCatName val="0"/>
          <c:showSerName val="0"/>
          <c:showPercent val="0"/>
          <c:showBubbleSize val="0"/>
        </c:dLbls>
        <c:gapWidth val="150"/>
        <c:axId val="486761056"/>
        <c:axId val="486761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9.82</c:v>
                </c:pt>
                <c:pt idx="1">
                  <c:v>168.2</c:v>
                </c:pt>
                <c:pt idx="2">
                  <c:v>168.67</c:v>
                </c:pt>
                <c:pt idx="3">
                  <c:v>174.97</c:v>
                </c:pt>
                <c:pt idx="4">
                  <c:v>178.59</c:v>
                </c:pt>
              </c:numCache>
            </c:numRef>
          </c:val>
          <c:smooth val="0"/>
          <c:extLst xmlns:c16r2="http://schemas.microsoft.com/office/drawing/2015/06/chart">
            <c:ext xmlns:c16="http://schemas.microsoft.com/office/drawing/2014/chart" uri="{C3380CC4-5D6E-409C-BE32-E72D297353CC}">
              <c16:uniqueId val="{00000001-E3A8-4C58-BD7A-B8F555DF0555}"/>
            </c:ext>
          </c:extLst>
        </c:ser>
        <c:dLbls>
          <c:showLegendKey val="0"/>
          <c:showVal val="0"/>
          <c:showCatName val="0"/>
          <c:showSerName val="0"/>
          <c:showPercent val="0"/>
          <c:showBubbleSize val="0"/>
        </c:dLbls>
        <c:marker val="1"/>
        <c:smooth val="0"/>
        <c:axId val="486761056"/>
        <c:axId val="486761448"/>
      </c:lineChart>
      <c:dateAx>
        <c:axId val="486761056"/>
        <c:scaling>
          <c:orientation val="minMax"/>
        </c:scaling>
        <c:delete val="1"/>
        <c:axPos val="b"/>
        <c:numFmt formatCode="ge" sourceLinked="1"/>
        <c:majorTickMark val="none"/>
        <c:minorTickMark val="none"/>
        <c:tickLblPos val="none"/>
        <c:crossAx val="486761448"/>
        <c:crosses val="autoZero"/>
        <c:auto val="1"/>
        <c:lblOffset val="100"/>
        <c:baseTimeUnit val="years"/>
      </c:dateAx>
      <c:valAx>
        <c:axId val="4867614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761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2">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2">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4" t="str">
        <f>データ!H6</f>
        <v>神奈川県　大井町</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2">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6</v>
      </c>
      <c r="X8" s="82"/>
      <c r="Y8" s="82"/>
      <c r="Z8" s="82"/>
      <c r="AA8" s="82"/>
      <c r="AB8" s="82"/>
      <c r="AC8" s="82"/>
      <c r="AD8" s="82" t="str">
        <f>データ!$M$6</f>
        <v>非設置</v>
      </c>
      <c r="AE8" s="82"/>
      <c r="AF8" s="82"/>
      <c r="AG8" s="82"/>
      <c r="AH8" s="82"/>
      <c r="AI8" s="82"/>
      <c r="AJ8" s="82"/>
      <c r="AK8" s="4"/>
      <c r="AL8" s="70">
        <f>データ!$R$6</f>
        <v>17280</v>
      </c>
      <c r="AM8" s="70"/>
      <c r="AN8" s="70"/>
      <c r="AO8" s="70"/>
      <c r="AP8" s="70"/>
      <c r="AQ8" s="70"/>
      <c r="AR8" s="70"/>
      <c r="AS8" s="70"/>
      <c r="AT8" s="66">
        <f>データ!$S$6</f>
        <v>14.38</v>
      </c>
      <c r="AU8" s="67"/>
      <c r="AV8" s="67"/>
      <c r="AW8" s="67"/>
      <c r="AX8" s="67"/>
      <c r="AY8" s="67"/>
      <c r="AZ8" s="67"/>
      <c r="BA8" s="67"/>
      <c r="BB8" s="69">
        <f>データ!$T$6</f>
        <v>1201.67</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2">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2">
      <c r="A10" s="2"/>
      <c r="B10" s="66" t="str">
        <f>データ!$N$6</f>
        <v>-</v>
      </c>
      <c r="C10" s="67"/>
      <c r="D10" s="67"/>
      <c r="E10" s="67"/>
      <c r="F10" s="67"/>
      <c r="G10" s="67"/>
      <c r="H10" s="67"/>
      <c r="I10" s="66">
        <f>データ!$O$6</f>
        <v>68.83</v>
      </c>
      <c r="J10" s="67"/>
      <c r="K10" s="67"/>
      <c r="L10" s="67"/>
      <c r="M10" s="67"/>
      <c r="N10" s="67"/>
      <c r="O10" s="68"/>
      <c r="P10" s="69">
        <f>データ!$P$6</f>
        <v>99.94</v>
      </c>
      <c r="Q10" s="69"/>
      <c r="R10" s="69"/>
      <c r="S10" s="69"/>
      <c r="T10" s="69"/>
      <c r="U10" s="69"/>
      <c r="V10" s="69"/>
      <c r="W10" s="70">
        <f>データ!$Q$6</f>
        <v>2143</v>
      </c>
      <c r="X10" s="70"/>
      <c r="Y10" s="70"/>
      <c r="Z10" s="70"/>
      <c r="AA10" s="70"/>
      <c r="AB10" s="70"/>
      <c r="AC10" s="70"/>
      <c r="AD10" s="2"/>
      <c r="AE10" s="2"/>
      <c r="AF10" s="2"/>
      <c r="AG10" s="2"/>
      <c r="AH10" s="4"/>
      <c r="AI10" s="4"/>
      <c r="AJ10" s="4"/>
      <c r="AK10" s="4"/>
      <c r="AL10" s="70">
        <f>データ!$U$6</f>
        <v>17234</v>
      </c>
      <c r="AM10" s="70"/>
      <c r="AN10" s="70"/>
      <c r="AO10" s="70"/>
      <c r="AP10" s="70"/>
      <c r="AQ10" s="70"/>
      <c r="AR10" s="70"/>
      <c r="AS10" s="70"/>
      <c r="AT10" s="66">
        <f>データ!$V$6</f>
        <v>14.38</v>
      </c>
      <c r="AU10" s="67"/>
      <c r="AV10" s="67"/>
      <c r="AW10" s="67"/>
      <c r="AX10" s="67"/>
      <c r="AY10" s="67"/>
      <c r="AZ10" s="67"/>
      <c r="BA10" s="67"/>
      <c r="BB10" s="69">
        <f>データ!$W$6</f>
        <v>1198.47</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6</v>
      </c>
      <c r="BM16" s="51"/>
      <c r="BN16" s="51"/>
      <c r="BO16" s="51"/>
      <c r="BP16" s="51"/>
      <c r="BQ16" s="51"/>
      <c r="BR16" s="51"/>
      <c r="BS16" s="51"/>
      <c r="BT16" s="51"/>
      <c r="BU16" s="51"/>
      <c r="BV16" s="51"/>
      <c r="BW16" s="51"/>
      <c r="BX16" s="51"/>
      <c r="BY16" s="51"/>
      <c r="BZ16" s="52"/>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5</v>
      </c>
      <c r="BM47" s="51"/>
      <c r="BN47" s="51"/>
      <c r="BO47" s="51"/>
      <c r="BP47" s="51"/>
      <c r="BQ47" s="51"/>
      <c r="BR47" s="51"/>
      <c r="BS47" s="51"/>
      <c r="BT47" s="51"/>
      <c r="BU47" s="51"/>
      <c r="BV47" s="51"/>
      <c r="BW47" s="51"/>
      <c r="BX47" s="51"/>
      <c r="BY47" s="51"/>
      <c r="BZ47" s="52"/>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2">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4</v>
      </c>
      <c r="BM66" s="51"/>
      <c r="BN66" s="51"/>
      <c r="BO66" s="51"/>
      <c r="BP66" s="51"/>
      <c r="BQ66" s="51"/>
      <c r="BR66" s="51"/>
      <c r="BS66" s="51"/>
      <c r="BT66" s="51"/>
      <c r="BU66" s="51"/>
      <c r="BV66" s="51"/>
      <c r="BW66" s="51"/>
      <c r="BX66" s="51"/>
      <c r="BY66" s="51"/>
      <c r="BZ66" s="52"/>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PyTTnEREgyOB/ByzoxQi6JlVZKJ1pbYVyqmkEWFE56g79x5jT8j8XjLNgD5vAJ5JKNXYekZeEKNnG/OR8R3LPg==" saltValue="3SP9g5n1KlF8Osao6pP0mw=="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27</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2</v>
      </c>
      <c r="B4" s="31"/>
      <c r="C4" s="31"/>
      <c r="D4" s="31"/>
      <c r="E4" s="31"/>
      <c r="F4" s="31"/>
      <c r="G4" s="31"/>
      <c r="H4" s="90"/>
      <c r="I4" s="91"/>
      <c r="J4" s="91"/>
      <c r="K4" s="91"/>
      <c r="L4" s="91"/>
      <c r="M4" s="91"/>
      <c r="N4" s="91"/>
      <c r="O4" s="91"/>
      <c r="P4" s="91"/>
      <c r="Q4" s="91"/>
      <c r="R4" s="91"/>
      <c r="S4" s="91"/>
      <c r="T4" s="91"/>
      <c r="U4" s="91"/>
      <c r="V4" s="91"/>
      <c r="W4" s="92"/>
      <c r="X4" s="86" t="s">
        <v>53</v>
      </c>
      <c r="Y4" s="86"/>
      <c r="Z4" s="86"/>
      <c r="AA4" s="86"/>
      <c r="AB4" s="86"/>
      <c r="AC4" s="86"/>
      <c r="AD4" s="86"/>
      <c r="AE4" s="86"/>
      <c r="AF4" s="86"/>
      <c r="AG4" s="86"/>
      <c r="AH4" s="86"/>
      <c r="AI4" s="86" t="s">
        <v>54</v>
      </c>
      <c r="AJ4" s="86"/>
      <c r="AK4" s="86"/>
      <c r="AL4" s="86"/>
      <c r="AM4" s="86"/>
      <c r="AN4" s="86"/>
      <c r="AO4" s="86"/>
      <c r="AP4" s="86"/>
      <c r="AQ4" s="86"/>
      <c r="AR4" s="86"/>
      <c r="AS4" s="86"/>
      <c r="AT4" s="86" t="s">
        <v>55</v>
      </c>
      <c r="AU4" s="86"/>
      <c r="AV4" s="86"/>
      <c r="AW4" s="86"/>
      <c r="AX4" s="86"/>
      <c r="AY4" s="86"/>
      <c r="AZ4" s="86"/>
      <c r="BA4" s="86"/>
      <c r="BB4" s="86"/>
      <c r="BC4" s="86"/>
      <c r="BD4" s="86"/>
      <c r="BE4" s="86" t="s">
        <v>56</v>
      </c>
      <c r="BF4" s="86"/>
      <c r="BG4" s="86"/>
      <c r="BH4" s="86"/>
      <c r="BI4" s="86"/>
      <c r="BJ4" s="86"/>
      <c r="BK4" s="86"/>
      <c r="BL4" s="86"/>
      <c r="BM4" s="86"/>
      <c r="BN4" s="86"/>
      <c r="BO4" s="86"/>
      <c r="BP4" s="86" t="s">
        <v>57</v>
      </c>
      <c r="BQ4" s="86"/>
      <c r="BR4" s="86"/>
      <c r="BS4" s="86"/>
      <c r="BT4" s="86"/>
      <c r="BU4" s="86"/>
      <c r="BV4" s="86"/>
      <c r="BW4" s="86"/>
      <c r="BX4" s="86"/>
      <c r="BY4" s="86"/>
      <c r="BZ4" s="86"/>
      <c r="CA4" s="86" t="s">
        <v>58</v>
      </c>
      <c r="CB4" s="86"/>
      <c r="CC4" s="86"/>
      <c r="CD4" s="86"/>
      <c r="CE4" s="86"/>
      <c r="CF4" s="86"/>
      <c r="CG4" s="86"/>
      <c r="CH4" s="86"/>
      <c r="CI4" s="86"/>
      <c r="CJ4" s="86"/>
      <c r="CK4" s="86"/>
      <c r="CL4" s="86" t="s">
        <v>59</v>
      </c>
      <c r="CM4" s="86"/>
      <c r="CN4" s="86"/>
      <c r="CO4" s="86"/>
      <c r="CP4" s="86"/>
      <c r="CQ4" s="86"/>
      <c r="CR4" s="86"/>
      <c r="CS4" s="86"/>
      <c r="CT4" s="86"/>
      <c r="CU4" s="86"/>
      <c r="CV4" s="86"/>
      <c r="CW4" s="86" t="s">
        <v>60</v>
      </c>
      <c r="CX4" s="86"/>
      <c r="CY4" s="86"/>
      <c r="CZ4" s="86"/>
      <c r="DA4" s="86"/>
      <c r="DB4" s="86"/>
      <c r="DC4" s="86"/>
      <c r="DD4" s="86"/>
      <c r="DE4" s="86"/>
      <c r="DF4" s="86"/>
      <c r="DG4" s="86"/>
      <c r="DH4" s="86" t="s">
        <v>61</v>
      </c>
      <c r="DI4" s="86"/>
      <c r="DJ4" s="86"/>
      <c r="DK4" s="86"/>
      <c r="DL4" s="86"/>
      <c r="DM4" s="86"/>
      <c r="DN4" s="86"/>
      <c r="DO4" s="86"/>
      <c r="DP4" s="86"/>
      <c r="DQ4" s="86"/>
      <c r="DR4" s="86"/>
      <c r="DS4" s="86" t="s">
        <v>62</v>
      </c>
      <c r="DT4" s="86"/>
      <c r="DU4" s="86"/>
      <c r="DV4" s="86"/>
      <c r="DW4" s="86"/>
      <c r="DX4" s="86"/>
      <c r="DY4" s="86"/>
      <c r="DZ4" s="86"/>
      <c r="EA4" s="86"/>
      <c r="EB4" s="86"/>
      <c r="EC4" s="86"/>
      <c r="ED4" s="86" t="s">
        <v>63</v>
      </c>
      <c r="EE4" s="86"/>
      <c r="EF4" s="86"/>
      <c r="EG4" s="86"/>
      <c r="EH4" s="86"/>
      <c r="EI4" s="86"/>
      <c r="EJ4" s="86"/>
      <c r="EK4" s="86"/>
      <c r="EL4" s="86"/>
      <c r="EM4" s="86"/>
      <c r="EN4" s="86"/>
    </row>
    <row r="5" spans="1:144" x14ac:dyDescent="0.2">
      <c r="A5" s="29" t="s">
        <v>64</v>
      </c>
      <c r="B5" s="32"/>
      <c r="C5" s="32"/>
      <c r="D5" s="32"/>
      <c r="E5" s="32"/>
      <c r="F5" s="32"/>
      <c r="G5" s="32"/>
      <c r="H5" s="33" t="s">
        <v>65</v>
      </c>
      <c r="I5" s="33" t="s">
        <v>66</v>
      </c>
      <c r="J5" s="33" t="s">
        <v>67</v>
      </c>
      <c r="K5" s="33" t="s">
        <v>68</v>
      </c>
      <c r="L5" s="33" t="s">
        <v>69</v>
      </c>
      <c r="M5" s="33" t="s">
        <v>5</v>
      </c>
      <c r="N5" s="33" t="s">
        <v>70</v>
      </c>
      <c r="O5" s="33" t="s">
        <v>71</v>
      </c>
      <c r="P5" s="33" t="s">
        <v>72</v>
      </c>
      <c r="Q5" s="33" t="s">
        <v>73</v>
      </c>
      <c r="R5" s="33" t="s">
        <v>74</v>
      </c>
      <c r="S5" s="33" t="s">
        <v>75</v>
      </c>
      <c r="T5" s="33" t="s">
        <v>76</v>
      </c>
      <c r="U5" s="33" t="s">
        <v>77</v>
      </c>
      <c r="V5" s="33" t="s">
        <v>78</v>
      </c>
      <c r="W5" s="33" t="s">
        <v>79</v>
      </c>
      <c r="X5" s="33" t="s">
        <v>80</v>
      </c>
      <c r="Y5" s="33" t="s">
        <v>81</v>
      </c>
      <c r="Z5" s="33" t="s">
        <v>82</v>
      </c>
      <c r="AA5" s="33" t="s">
        <v>83</v>
      </c>
      <c r="AB5" s="33" t="s">
        <v>84</v>
      </c>
      <c r="AC5" s="33" t="s">
        <v>85</v>
      </c>
      <c r="AD5" s="33" t="s">
        <v>86</v>
      </c>
      <c r="AE5" s="33" t="s">
        <v>87</v>
      </c>
      <c r="AF5" s="33" t="s">
        <v>88</v>
      </c>
      <c r="AG5" s="33" t="s">
        <v>89</v>
      </c>
      <c r="AH5" s="33" t="s">
        <v>29</v>
      </c>
      <c r="AI5" s="33" t="s">
        <v>80</v>
      </c>
      <c r="AJ5" s="33" t="s">
        <v>81</v>
      </c>
      <c r="AK5" s="33" t="s">
        <v>82</v>
      </c>
      <c r="AL5" s="33" t="s">
        <v>83</v>
      </c>
      <c r="AM5" s="33" t="s">
        <v>84</v>
      </c>
      <c r="AN5" s="33" t="s">
        <v>85</v>
      </c>
      <c r="AO5" s="33" t="s">
        <v>86</v>
      </c>
      <c r="AP5" s="33" t="s">
        <v>87</v>
      </c>
      <c r="AQ5" s="33" t="s">
        <v>88</v>
      </c>
      <c r="AR5" s="33" t="s">
        <v>89</v>
      </c>
      <c r="AS5" s="33" t="s">
        <v>90</v>
      </c>
      <c r="AT5" s="33" t="s">
        <v>80</v>
      </c>
      <c r="AU5" s="33" t="s">
        <v>81</v>
      </c>
      <c r="AV5" s="33" t="s">
        <v>82</v>
      </c>
      <c r="AW5" s="33" t="s">
        <v>83</v>
      </c>
      <c r="AX5" s="33" t="s">
        <v>84</v>
      </c>
      <c r="AY5" s="33" t="s">
        <v>85</v>
      </c>
      <c r="AZ5" s="33" t="s">
        <v>86</v>
      </c>
      <c r="BA5" s="33" t="s">
        <v>87</v>
      </c>
      <c r="BB5" s="33" t="s">
        <v>88</v>
      </c>
      <c r="BC5" s="33" t="s">
        <v>89</v>
      </c>
      <c r="BD5" s="33" t="s">
        <v>90</v>
      </c>
      <c r="BE5" s="33" t="s">
        <v>80</v>
      </c>
      <c r="BF5" s="33" t="s">
        <v>81</v>
      </c>
      <c r="BG5" s="33" t="s">
        <v>82</v>
      </c>
      <c r="BH5" s="33" t="s">
        <v>83</v>
      </c>
      <c r="BI5" s="33" t="s">
        <v>84</v>
      </c>
      <c r="BJ5" s="33" t="s">
        <v>85</v>
      </c>
      <c r="BK5" s="33" t="s">
        <v>86</v>
      </c>
      <c r="BL5" s="33" t="s">
        <v>87</v>
      </c>
      <c r="BM5" s="33" t="s">
        <v>88</v>
      </c>
      <c r="BN5" s="33" t="s">
        <v>89</v>
      </c>
      <c r="BO5" s="33" t="s">
        <v>90</v>
      </c>
      <c r="BP5" s="33" t="s">
        <v>80</v>
      </c>
      <c r="BQ5" s="33" t="s">
        <v>81</v>
      </c>
      <c r="BR5" s="33" t="s">
        <v>82</v>
      </c>
      <c r="BS5" s="33" t="s">
        <v>83</v>
      </c>
      <c r="BT5" s="33" t="s">
        <v>84</v>
      </c>
      <c r="BU5" s="33" t="s">
        <v>85</v>
      </c>
      <c r="BV5" s="33" t="s">
        <v>86</v>
      </c>
      <c r="BW5" s="33" t="s">
        <v>87</v>
      </c>
      <c r="BX5" s="33" t="s">
        <v>88</v>
      </c>
      <c r="BY5" s="33" t="s">
        <v>89</v>
      </c>
      <c r="BZ5" s="33" t="s">
        <v>90</v>
      </c>
      <c r="CA5" s="33" t="s">
        <v>80</v>
      </c>
      <c r="CB5" s="33" t="s">
        <v>81</v>
      </c>
      <c r="CC5" s="33" t="s">
        <v>82</v>
      </c>
      <c r="CD5" s="33" t="s">
        <v>83</v>
      </c>
      <c r="CE5" s="33" t="s">
        <v>84</v>
      </c>
      <c r="CF5" s="33" t="s">
        <v>85</v>
      </c>
      <c r="CG5" s="33" t="s">
        <v>86</v>
      </c>
      <c r="CH5" s="33" t="s">
        <v>87</v>
      </c>
      <c r="CI5" s="33" t="s">
        <v>88</v>
      </c>
      <c r="CJ5" s="33" t="s">
        <v>89</v>
      </c>
      <c r="CK5" s="33" t="s">
        <v>90</v>
      </c>
      <c r="CL5" s="33" t="s">
        <v>80</v>
      </c>
      <c r="CM5" s="33" t="s">
        <v>81</v>
      </c>
      <c r="CN5" s="33" t="s">
        <v>82</v>
      </c>
      <c r="CO5" s="33" t="s">
        <v>83</v>
      </c>
      <c r="CP5" s="33" t="s">
        <v>84</v>
      </c>
      <c r="CQ5" s="33" t="s">
        <v>85</v>
      </c>
      <c r="CR5" s="33" t="s">
        <v>86</v>
      </c>
      <c r="CS5" s="33" t="s">
        <v>87</v>
      </c>
      <c r="CT5" s="33" t="s">
        <v>88</v>
      </c>
      <c r="CU5" s="33" t="s">
        <v>89</v>
      </c>
      <c r="CV5" s="33" t="s">
        <v>90</v>
      </c>
      <c r="CW5" s="33" t="s">
        <v>80</v>
      </c>
      <c r="CX5" s="33" t="s">
        <v>81</v>
      </c>
      <c r="CY5" s="33" t="s">
        <v>82</v>
      </c>
      <c r="CZ5" s="33" t="s">
        <v>83</v>
      </c>
      <c r="DA5" s="33" t="s">
        <v>84</v>
      </c>
      <c r="DB5" s="33" t="s">
        <v>85</v>
      </c>
      <c r="DC5" s="33" t="s">
        <v>86</v>
      </c>
      <c r="DD5" s="33" t="s">
        <v>87</v>
      </c>
      <c r="DE5" s="33" t="s">
        <v>88</v>
      </c>
      <c r="DF5" s="33" t="s">
        <v>89</v>
      </c>
      <c r="DG5" s="33" t="s">
        <v>90</v>
      </c>
      <c r="DH5" s="33" t="s">
        <v>80</v>
      </c>
      <c r="DI5" s="33" t="s">
        <v>81</v>
      </c>
      <c r="DJ5" s="33" t="s">
        <v>82</v>
      </c>
      <c r="DK5" s="33" t="s">
        <v>83</v>
      </c>
      <c r="DL5" s="33" t="s">
        <v>84</v>
      </c>
      <c r="DM5" s="33" t="s">
        <v>85</v>
      </c>
      <c r="DN5" s="33" t="s">
        <v>86</v>
      </c>
      <c r="DO5" s="33" t="s">
        <v>87</v>
      </c>
      <c r="DP5" s="33" t="s">
        <v>88</v>
      </c>
      <c r="DQ5" s="33" t="s">
        <v>89</v>
      </c>
      <c r="DR5" s="33" t="s">
        <v>90</v>
      </c>
      <c r="DS5" s="33" t="s">
        <v>80</v>
      </c>
      <c r="DT5" s="33" t="s">
        <v>81</v>
      </c>
      <c r="DU5" s="33" t="s">
        <v>82</v>
      </c>
      <c r="DV5" s="33" t="s">
        <v>83</v>
      </c>
      <c r="DW5" s="33" t="s">
        <v>84</v>
      </c>
      <c r="DX5" s="33" t="s">
        <v>85</v>
      </c>
      <c r="DY5" s="33" t="s">
        <v>86</v>
      </c>
      <c r="DZ5" s="33" t="s">
        <v>87</v>
      </c>
      <c r="EA5" s="33" t="s">
        <v>88</v>
      </c>
      <c r="EB5" s="33" t="s">
        <v>89</v>
      </c>
      <c r="EC5" s="33" t="s">
        <v>90</v>
      </c>
      <c r="ED5" s="33" t="s">
        <v>80</v>
      </c>
      <c r="EE5" s="33" t="s">
        <v>81</v>
      </c>
      <c r="EF5" s="33" t="s">
        <v>82</v>
      </c>
      <c r="EG5" s="33" t="s">
        <v>83</v>
      </c>
      <c r="EH5" s="33" t="s">
        <v>84</v>
      </c>
      <c r="EI5" s="33" t="s">
        <v>85</v>
      </c>
      <c r="EJ5" s="33" t="s">
        <v>86</v>
      </c>
      <c r="EK5" s="33" t="s">
        <v>87</v>
      </c>
      <c r="EL5" s="33" t="s">
        <v>88</v>
      </c>
      <c r="EM5" s="33" t="s">
        <v>89</v>
      </c>
      <c r="EN5" s="33" t="s">
        <v>90</v>
      </c>
    </row>
    <row r="6" spans="1:144" s="37" customFormat="1" x14ac:dyDescent="0.2">
      <c r="A6" s="29" t="s">
        <v>91</v>
      </c>
      <c r="B6" s="34">
        <f>B7</f>
        <v>2018</v>
      </c>
      <c r="C6" s="34">
        <f t="shared" ref="C6:W6" si="3">C7</f>
        <v>143626</v>
      </c>
      <c r="D6" s="34">
        <f t="shared" si="3"/>
        <v>46</v>
      </c>
      <c r="E6" s="34">
        <f t="shared" si="3"/>
        <v>1</v>
      </c>
      <c r="F6" s="34">
        <f t="shared" si="3"/>
        <v>0</v>
      </c>
      <c r="G6" s="34">
        <f t="shared" si="3"/>
        <v>1</v>
      </c>
      <c r="H6" s="34" t="str">
        <f t="shared" si="3"/>
        <v>神奈川県　大井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68.83</v>
      </c>
      <c r="P6" s="35">
        <f t="shared" si="3"/>
        <v>99.94</v>
      </c>
      <c r="Q6" s="35">
        <f t="shared" si="3"/>
        <v>2143</v>
      </c>
      <c r="R6" s="35">
        <f t="shared" si="3"/>
        <v>17280</v>
      </c>
      <c r="S6" s="35">
        <f t="shared" si="3"/>
        <v>14.38</v>
      </c>
      <c r="T6" s="35">
        <f t="shared" si="3"/>
        <v>1201.67</v>
      </c>
      <c r="U6" s="35">
        <f t="shared" si="3"/>
        <v>17234</v>
      </c>
      <c r="V6" s="35">
        <f t="shared" si="3"/>
        <v>14.38</v>
      </c>
      <c r="W6" s="35">
        <f t="shared" si="3"/>
        <v>1198.47</v>
      </c>
      <c r="X6" s="36">
        <f>IF(X7="",NA(),X7)</f>
        <v>110.06</v>
      </c>
      <c r="Y6" s="36">
        <f t="shared" ref="Y6:AG6" si="4">IF(Y7="",NA(),Y7)</f>
        <v>113.7</v>
      </c>
      <c r="Z6" s="36">
        <f t="shared" si="4"/>
        <v>122.23</v>
      </c>
      <c r="AA6" s="36">
        <f t="shared" si="4"/>
        <v>121.92</v>
      </c>
      <c r="AB6" s="36">
        <f t="shared" si="4"/>
        <v>132.46</v>
      </c>
      <c r="AC6" s="36">
        <f t="shared" si="4"/>
        <v>110.01</v>
      </c>
      <c r="AD6" s="36">
        <f t="shared" si="4"/>
        <v>111.21</v>
      </c>
      <c r="AE6" s="36">
        <f t="shared" si="4"/>
        <v>111.71</v>
      </c>
      <c r="AF6" s="36">
        <f t="shared" si="4"/>
        <v>110.05</v>
      </c>
      <c r="AG6" s="36">
        <f t="shared" si="4"/>
        <v>108.87</v>
      </c>
      <c r="AH6" s="35" t="str">
        <f>IF(AH7="","",IF(AH7="-","【-】","【"&amp;SUBSTITUTE(TEXT(AH7,"#,##0.00"),"-","△")&amp;"】"))</f>
        <v>【112.83】</v>
      </c>
      <c r="AI6" s="35">
        <f>IF(AI7="",NA(),AI7)</f>
        <v>0</v>
      </c>
      <c r="AJ6" s="35">
        <f t="shared" ref="AJ6:AR6" si="5">IF(AJ7="",NA(),AJ7)</f>
        <v>0</v>
      </c>
      <c r="AK6" s="35">
        <f t="shared" si="5"/>
        <v>0</v>
      </c>
      <c r="AL6" s="35">
        <f t="shared" si="5"/>
        <v>0</v>
      </c>
      <c r="AM6" s="35">
        <f t="shared" si="5"/>
        <v>0</v>
      </c>
      <c r="AN6" s="36">
        <f t="shared" si="5"/>
        <v>2.8</v>
      </c>
      <c r="AO6" s="36">
        <f t="shared" si="5"/>
        <v>1.93</v>
      </c>
      <c r="AP6" s="36">
        <f t="shared" si="5"/>
        <v>1.72</v>
      </c>
      <c r="AQ6" s="36">
        <f t="shared" si="5"/>
        <v>2.64</v>
      </c>
      <c r="AR6" s="36">
        <f t="shared" si="5"/>
        <v>3.16</v>
      </c>
      <c r="AS6" s="35" t="str">
        <f>IF(AS7="","",IF(AS7="-","【-】","【"&amp;SUBSTITUTE(TEXT(AS7,"#,##0.00"),"-","△")&amp;"】"))</f>
        <v>【1.05】</v>
      </c>
      <c r="AT6" s="36">
        <f>IF(AT7="",NA(),AT7)</f>
        <v>67.42</v>
      </c>
      <c r="AU6" s="36">
        <f t="shared" ref="AU6:BC6" si="6">IF(AU7="",NA(),AU7)</f>
        <v>58.1</v>
      </c>
      <c r="AV6" s="36">
        <f t="shared" si="6"/>
        <v>60.64</v>
      </c>
      <c r="AW6" s="36">
        <f t="shared" si="6"/>
        <v>55.79</v>
      </c>
      <c r="AX6" s="36">
        <f t="shared" si="6"/>
        <v>81.599999999999994</v>
      </c>
      <c r="AY6" s="36">
        <f t="shared" si="6"/>
        <v>381.53</v>
      </c>
      <c r="AZ6" s="36">
        <f t="shared" si="6"/>
        <v>391.54</v>
      </c>
      <c r="BA6" s="36">
        <f t="shared" si="6"/>
        <v>384.34</v>
      </c>
      <c r="BB6" s="36">
        <f t="shared" si="6"/>
        <v>359.47</v>
      </c>
      <c r="BC6" s="36">
        <f t="shared" si="6"/>
        <v>369.69</v>
      </c>
      <c r="BD6" s="35" t="str">
        <f>IF(BD7="","",IF(BD7="-","【-】","【"&amp;SUBSTITUTE(TEXT(BD7,"#,##0.00"),"-","△")&amp;"】"))</f>
        <v>【261.93】</v>
      </c>
      <c r="BE6" s="36">
        <f>IF(BE7="",NA(),BE7)</f>
        <v>549.48</v>
      </c>
      <c r="BF6" s="36">
        <f t="shared" ref="BF6:BN6" si="7">IF(BF7="",NA(),BF7)</f>
        <v>496.49</v>
      </c>
      <c r="BG6" s="36">
        <f t="shared" si="7"/>
        <v>448.52</v>
      </c>
      <c r="BH6" s="36">
        <f t="shared" si="7"/>
        <v>389.7</v>
      </c>
      <c r="BI6" s="36">
        <f t="shared" si="7"/>
        <v>311.26</v>
      </c>
      <c r="BJ6" s="36">
        <f t="shared" si="7"/>
        <v>393.27</v>
      </c>
      <c r="BK6" s="36">
        <f t="shared" si="7"/>
        <v>386.97</v>
      </c>
      <c r="BL6" s="36">
        <f t="shared" si="7"/>
        <v>380.58</v>
      </c>
      <c r="BM6" s="36">
        <f t="shared" si="7"/>
        <v>401.79</v>
      </c>
      <c r="BN6" s="36">
        <f t="shared" si="7"/>
        <v>402.99</v>
      </c>
      <c r="BO6" s="35" t="str">
        <f>IF(BO7="","",IF(BO7="-","【-】","【"&amp;SUBSTITUTE(TEXT(BO7,"#,##0.00"),"-","△")&amp;"】"))</f>
        <v>【270.46】</v>
      </c>
      <c r="BP6" s="36">
        <f>IF(BP7="",NA(),BP7)</f>
        <v>98.05</v>
      </c>
      <c r="BQ6" s="36">
        <f t="shared" ref="BQ6:BY6" si="8">IF(BQ7="",NA(),BQ7)</f>
        <v>100.78</v>
      </c>
      <c r="BR6" s="36">
        <f t="shared" si="8"/>
        <v>106.97</v>
      </c>
      <c r="BS6" s="36">
        <f t="shared" si="8"/>
        <v>106.94</v>
      </c>
      <c r="BT6" s="36">
        <f t="shared" si="8"/>
        <v>120.03</v>
      </c>
      <c r="BU6" s="36">
        <f t="shared" si="8"/>
        <v>100.47</v>
      </c>
      <c r="BV6" s="36">
        <f t="shared" si="8"/>
        <v>101.72</v>
      </c>
      <c r="BW6" s="36">
        <f t="shared" si="8"/>
        <v>102.38</v>
      </c>
      <c r="BX6" s="36">
        <f t="shared" si="8"/>
        <v>100.12</v>
      </c>
      <c r="BY6" s="36">
        <f t="shared" si="8"/>
        <v>98.66</v>
      </c>
      <c r="BZ6" s="35" t="str">
        <f>IF(BZ7="","",IF(BZ7="-","【-】","【"&amp;SUBSTITUTE(TEXT(BZ7,"#,##0.00"),"-","△")&amp;"】"))</f>
        <v>【103.91】</v>
      </c>
      <c r="CA6" s="36">
        <f>IF(CA7="",NA(),CA7)</f>
        <v>106.07</v>
      </c>
      <c r="CB6" s="36">
        <f t="shared" ref="CB6:CJ6" si="9">IF(CB7="",NA(),CB7)</f>
        <v>103.21</v>
      </c>
      <c r="CC6" s="36">
        <f t="shared" si="9"/>
        <v>96.61</v>
      </c>
      <c r="CD6" s="36">
        <f t="shared" si="9"/>
        <v>95.99</v>
      </c>
      <c r="CE6" s="36">
        <f t="shared" si="9"/>
        <v>100.75</v>
      </c>
      <c r="CF6" s="36">
        <f t="shared" si="9"/>
        <v>169.82</v>
      </c>
      <c r="CG6" s="36">
        <f t="shared" si="9"/>
        <v>168.2</v>
      </c>
      <c r="CH6" s="36">
        <f t="shared" si="9"/>
        <v>168.67</v>
      </c>
      <c r="CI6" s="36">
        <f t="shared" si="9"/>
        <v>174.97</v>
      </c>
      <c r="CJ6" s="36">
        <f t="shared" si="9"/>
        <v>178.59</v>
      </c>
      <c r="CK6" s="35" t="str">
        <f>IF(CK7="","",IF(CK7="-","【-】","【"&amp;SUBSTITUTE(TEXT(CK7,"#,##0.00"),"-","△")&amp;"】"))</f>
        <v>【167.11】</v>
      </c>
      <c r="CL6" s="36">
        <f>IF(CL7="",NA(),CL7)</f>
        <v>50.39</v>
      </c>
      <c r="CM6" s="36">
        <f t="shared" ref="CM6:CU6" si="10">IF(CM7="",NA(),CM7)</f>
        <v>49.81</v>
      </c>
      <c r="CN6" s="36">
        <f t="shared" si="10"/>
        <v>48.87</v>
      </c>
      <c r="CO6" s="36">
        <f t="shared" si="10"/>
        <v>48.55</v>
      </c>
      <c r="CP6" s="36">
        <f t="shared" si="10"/>
        <v>48.93</v>
      </c>
      <c r="CQ6" s="36">
        <f t="shared" si="10"/>
        <v>55.13</v>
      </c>
      <c r="CR6" s="36">
        <f t="shared" si="10"/>
        <v>54.77</v>
      </c>
      <c r="CS6" s="36">
        <f t="shared" si="10"/>
        <v>54.92</v>
      </c>
      <c r="CT6" s="36">
        <f t="shared" si="10"/>
        <v>55.63</v>
      </c>
      <c r="CU6" s="36">
        <f t="shared" si="10"/>
        <v>55.03</v>
      </c>
      <c r="CV6" s="35" t="str">
        <f>IF(CV7="","",IF(CV7="-","【-】","【"&amp;SUBSTITUTE(TEXT(CV7,"#,##0.00"),"-","△")&amp;"】"))</f>
        <v>【60.27】</v>
      </c>
      <c r="CW6" s="36">
        <f>IF(CW7="",NA(),CW7)</f>
        <v>86.9</v>
      </c>
      <c r="CX6" s="36">
        <f t="shared" ref="CX6:DF6" si="11">IF(CX7="",NA(),CX7)</f>
        <v>87</v>
      </c>
      <c r="CY6" s="36">
        <f t="shared" si="11"/>
        <v>87.2</v>
      </c>
      <c r="CZ6" s="36">
        <f t="shared" si="11"/>
        <v>87.25</v>
      </c>
      <c r="DA6" s="36">
        <f t="shared" si="11"/>
        <v>87.36</v>
      </c>
      <c r="DB6" s="36">
        <f t="shared" si="11"/>
        <v>83</v>
      </c>
      <c r="DC6" s="36">
        <f t="shared" si="11"/>
        <v>82.89</v>
      </c>
      <c r="DD6" s="36">
        <f t="shared" si="11"/>
        <v>82.66</v>
      </c>
      <c r="DE6" s="36">
        <f t="shared" si="11"/>
        <v>82.04</v>
      </c>
      <c r="DF6" s="36">
        <f t="shared" si="11"/>
        <v>81.900000000000006</v>
      </c>
      <c r="DG6" s="35" t="str">
        <f>IF(DG7="","",IF(DG7="-","【-】","【"&amp;SUBSTITUTE(TEXT(DG7,"#,##0.00"),"-","△")&amp;"】"))</f>
        <v>【89.92】</v>
      </c>
      <c r="DH6" s="36">
        <f>IF(DH7="",NA(),DH7)</f>
        <v>53.81</v>
      </c>
      <c r="DI6" s="36">
        <f t="shared" ref="DI6:DQ6" si="12">IF(DI7="",NA(),DI7)</f>
        <v>56</v>
      </c>
      <c r="DJ6" s="36">
        <f t="shared" si="12"/>
        <v>58.1</v>
      </c>
      <c r="DK6" s="36">
        <f t="shared" si="12"/>
        <v>60.23</v>
      </c>
      <c r="DL6" s="36">
        <f t="shared" si="12"/>
        <v>61.34</v>
      </c>
      <c r="DM6" s="36">
        <f t="shared" si="12"/>
        <v>46.66</v>
      </c>
      <c r="DN6" s="36">
        <f t="shared" si="12"/>
        <v>47.46</v>
      </c>
      <c r="DO6" s="36">
        <f t="shared" si="12"/>
        <v>48.49</v>
      </c>
      <c r="DP6" s="36">
        <f t="shared" si="12"/>
        <v>48.05</v>
      </c>
      <c r="DQ6" s="36">
        <f t="shared" si="12"/>
        <v>48.87</v>
      </c>
      <c r="DR6" s="35" t="str">
        <f>IF(DR7="","",IF(DR7="-","【-】","【"&amp;SUBSTITUTE(TEXT(DR7,"#,##0.00"),"-","△")&amp;"】"))</f>
        <v>【48.85】</v>
      </c>
      <c r="DS6" s="36">
        <f>IF(DS7="",NA(),DS7)</f>
        <v>3.68</v>
      </c>
      <c r="DT6" s="36">
        <f t="shared" ref="DT6:EB6" si="13">IF(DT7="",NA(),DT7)</f>
        <v>5.08</v>
      </c>
      <c r="DU6" s="36">
        <f t="shared" si="13"/>
        <v>11.07</v>
      </c>
      <c r="DV6" s="36">
        <f t="shared" si="13"/>
        <v>11.22</v>
      </c>
      <c r="DW6" s="36">
        <f t="shared" si="13"/>
        <v>25.79</v>
      </c>
      <c r="DX6" s="36">
        <f t="shared" si="13"/>
        <v>9.85</v>
      </c>
      <c r="DY6" s="36">
        <f t="shared" si="13"/>
        <v>9.7100000000000009</v>
      </c>
      <c r="DZ6" s="36">
        <f t="shared" si="13"/>
        <v>12.79</v>
      </c>
      <c r="EA6" s="36">
        <f t="shared" si="13"/>
        <v>13.39</v>
      </c>
      <c r="EB6" s="36">
        <f t="shared" si="13"/>
        <v>14.85</v>
      </c>
      <c r="EC6" s="35" t="str">
        <f>IF(EC7="","",IF(EC7="-","【-】","【"&amp;SUBSTITUTE(TEXT(EC7,"#,##0.00"),"-","△")&amp;"】"))</f>
        <v>【17.80】</v>
      </c>
      <c r="ED6" s="35">
        <f>IF(ED7="",NA(),ED7)</f>
        <v>0</v>
      </c>
      <c r="EE6" s="35">
        <f t="shared" ref="EE6:EM6" si="14">IF(EE7="",NA(),EE7)</f>
        <v>0</v>
      </c>
      <c r="EF6" s="36">
        <f t="shared" si="14"/>
        <v>0.15</v>
      </c>
      <c r="EG6" s="35">
        <f t="shared" si="14"/>
        <v>0</v>
      </c>
      <c r="EH6" s="35">
        <f t="shared" si="14"/>
        <v>0</v>
      </c>
      <c r="EI6" s="36">
        <f t="shared" si="14"/>
        <v>0.66</v>
      </c>
      <c r="EJ6" s="36">
        <f t="shared" si="14"/>
        <v>0.99</v>
      </c>
      <c r="EK6" s="36">
        <f t="shared" si="14"/>
        <v>0.71</v>
      </c>
      <c r="EL6" s="36">
        <f t="shared" si="14"/>
        <v>0.54</v>
      </c>
      <c r="EM6" s="36">
        <f t="shared" si="14"/>
        <v>0.5</v>
      </c>
      <c r="EN6" s="35" t="str">
        <f>IF(EN7="","",IF(EN7="-","【-】","【"&amp;SUBSTITUTE(TEXT(EN7,"#,##0.00"),"-","△")&amp;"】"))</f>
        <v>【0.70】</v>
      </c>
    </row>
    <row r="7" spans="1:144" s="37" customFormat="1" x14ac:dyDescent="0.2">
      <c r="A7" s="29"/>
      <c r="B7" s="38">
        <v>2018</v>
      </c>
      <c r="C7" s="38">
        <v>143626</v>
      </c>
      <c r="D7" s="38">
        <v>46</v>
      </c>
      <c r="E7" s="38">
        <v>1</v>
      </c>
      <c r="F7" s="38">
        <v>0</v>
      </c>
      <c r="G7" s="38">
        <v>1</v>
      </c>
      <c r="H7" s="38" t="s">
        <v>92</v>
      </c>
      <c r="I7" s="38" t="s">
        <v>93</v>
      </c>
      <c r="J7" s="38" t="s">
        <v>94</v>
      </c>
      <c r="K7" s="38" t="s">
        <v>95</v>
      </c>
      <c r="L7" s="38" t="s">
        <v>96</v>
      </c>
      <c r="M7" s="38" t="s">
        <v>97</v>
      </c>
      <c r="N7" s="39" t="s">
        <v>98</v>
      </c>
      <c r="O7" s="39">
        <v>68.83</v>
      </c>
      <c r="P7" s="39">
        <v>99.94</v>
      </c>
      <c r="Q7" s="39">
        <v>2143</v>
      </c>
      <c r="R7" s="39">
        <v>17280</v>
      </c>
      <c r="S7" s="39">
        <v>14.38</v>
      </c>
      <c r="T7" s="39">
        <v>1201.67</v>
      </c>
      <c r="U7" s="39">
        <v>17234</v>
      </c>
      <c r="V7" s="39">
        <v>14.38</v>
      </c>
      <c r="W7" s="39">
        <v>1198.47</v>
      </c>
      <c r="X7" s="39">
        <v>110.06</v>
      </c>
      <c r="Y7" s="39">
        <v>113.7</v>
      </c>
      <c r="Z7" s="39">
        <v>122.23</v>
      </c>
      <c r="AA7" s="39">
        <v>121.92</v>
      </c>
      <c r="AB7" s="39">
        <v>132.46</v>
      </c>
      <c r="AC7" s="39">
        <v>110.01</v>
      </c>
      <c r="AD7" s="39">
        <v>111.21</v>
      </c>
      <c r="AE7" s="39">
        <v>111.71</v>
      </c>
      <c r="AF7" s="39">
        <v>110.05</v>
      </c>
      <c r="AG7" s="39">
        <v>108.87</v>
      </c>
      <c r="AH7" s="39">
        <v>112.83</v>
      </c>
      <c r="AI7" s="39">
        <v>0</v>
      </c>
      <c r="AJ7" s="39">
        <v>0</v>
      </c>
      <c r="AK7" s="39">
        <v>0</v>
      </c>
      <c r="AL7" s="39">
        <v>0</v>
      </c>
      <c r="AM7" s="39">
        <v>0</v>
      </c>
      <c r="AN7" s="39">
        <v>2.8</v>
      </c>
      <c r="AO7" s="39">
        <v>1.93</v>
      </c>
      <c r="AP7" s="39">
        <v>1.72</v>
      </c>
      <c r="AQ7" s="39">
        <v>2.64</v>
      </c>
      <c r="AR7" s="39">
        <v>3.16</v>
      </c>
      <c r="AS7" s="39">
        <v>1.05</v>
      </c>
      <c r="AT7" s="39">
        <v>67.42</v>
      </c>
      <c r="AU7" s="39">
        <v>58.1</v>
      </c>
      <c r="AV7" s="39">
        <v>60.64</v>
      </c>
      <c r="AW7" s="39">
        <v>55.79</v>
      </c>
      <c r="AX7" s="39">
        <v>81.599999999999994</v>
      </c>
      <c r="AY7" s="39">
        <v>381.53</v>
      </c>
      <c r="AZ7" s="39">
        <v>391.54</v>
      </c>
      <c r="BA7" s="39">
        <v>384.34</v>
      </c>
      <c r="BB7" s="39">
        <v>359.47</v>
      </c>
      <c r="BC7" s="39">
        <v>369.69</v>
      </c>
      <c r="BD7" s="39">
        <v>261.93</v>
      </c>
      <c r="BE7" s="39">
        <v>549.48</v>
      </c>
      <c r="BF7" s="39">
        <v>496.49</v>
      </c>
      <c r="BG7" s="39">
        <v>448.52</v>
      </c>
      <c r="BH7" s="39">
        <v>389.7</v>
      </c>
      <c r="BI7" s="39">
        <v>311.26</v>
      </c>
      <c r="BJ7" s="39">
        <v>393.27</v>
      </c>
      <c r="BK7" s="39">
        <v>386.97</v>
      </c>
      <c r="BL7" s="39">
        <v>380.58</v>
      </c>
      <c r="BM7" s="39">
        <v>401.79</v>
      </c>
      <c r="BN7" s="39">
        <v>402.99</v>
      </c>
      <c r="BO7" s="39">
        <v>270.45999999999998</v>
      </c>
      <c r="BP7" s="39">
        <v>98.05</v>
      </c>
      <c r="BQ7" s="39">
        <v>100.78</v>
      </c>
      <c r="BR7" s="39">
        <v>106.97</v>
      </c>
      <c r="BS7" s="39">
        <v>106.94</v>
      </c>
      <c r="BT7" s="39">
        <v>120.03</v>
      </c>
      <c r="BU7" s="39">
        <v>100.47</v>
      </c>
      <c r="BV7" s="39">
        <v>101.72</v>
      </c>
      <c r="BW7" s="39">
        <v>102.38</v>
      </c>
      <c r="BX7" s="39">
        <v>100.12</v>
      </c>
      <c r="BY7" s="39">
        <v>98.66</v>
      </c>
      <c r="BZ7" s="39">
        <v>103.91</v>
      </c>
      <c r="CA7" s="39">
        <v>106.07</v>
      </c>
      <c r="CB7" s="39">
        <v>103.21</v>
      </c>
      <c r="CC7" s="39">
        <v>96.61</v>
      </c>
      <c r="CD7" s="39">
        <v>95.99</v>
      </c>
      <c r="CE7" s="39">
        <v>100.75</v>
      </c>
      <c r="CF7" s="39">
        <v>169.82</v>
      </c>
      <c r="CG7" s="39">
        <v>168.2</v>
      </c>
      <c r="CH7" s="39">
        <v>168.67</v>
      </c>
      <c r="CI7" s="39">
        <v>174.97</v>
      </c>
      <c r="CJ7" s="39">
        <v>178.59</v>
      </c>
      <c r="CK7" s="39">
        <v>167.11</v>
      </c>
      <c r="CL7" s="39">
        <v>50.39</v>
      </c>
      <c r="CM7" s="39">
        <v>49.81</v>
      </c>
      <c r="CN7" s="39">
        <v>48.87</v>
      </c>
      <c r="CO7" s="39">
        <v>48.55</v>
      </c>
      <c r="CP7" s="39">
        <v>48.93</v>
      </c>
      <c r="CQ7" s="39">
        <v>55.13</v>
      </c>
      <c r="CR7" s="39">
        <v>54.77</v>
      </c>
      <c r="CS7" s="39">
        <v>54.92</v>
      </c>
      <c r="CT7" s="39">
        <v>55.63</v>
      </c>
      <c r="CU7" s="39">
        <v>55.03</v>
      </c>
      <c r="CV7" s="39">
        <v>60.27</v>
      </c>
      <c r="CW7" s="39">
        <v>86.9</v>
      </c>
      <c r="CX7" s="39">
        <v>87</v>
      </c>
      <c r="CY7" s="39">
        <v>87.2</v>
      </c>
      <c r="CZ7" s="39">
        <v>87.25</v>
      </c>
      <c r="DA7" s="39">
        <v>87.36</v>
      </c>
      <c r="DB7" s="39">
        <v>83</v>
      </c>
      <c r="DC7" s="39">
        <v>82.89</v>
      </c>
      <c r="DD7" s="39">
        <v>82.66</v>
      </c>
      <c r="DE7" s="39">
        <v>82.04</v>
      </c>
      <c r="DF7" s="39">
        <v>81.900000000000006</v>
      </c>
      <c r="DG7" s="39">
        <v>89.92</v>
      </c>
      <c r="DH7" s="39">
        <v>53.81</v>
      </c>
      <c r="DI7" s="39">
        <v>56</v>
      </c>
      <c r="DJ7" s="39">
        <v>58.1</v>
      </c>
      <c r="DK7" s="39">
        <v>60.23</v>
      </c>
      <c r="DL7" s="39">
        <v>61.34</v>
      </c>
      <c r="DM7" s="39">
        <v>46.66</v>
      </c>
      <c r="DN7" s="39">
        <v>47.46</v>
      </c>
      <c r="DO7" s="39">
        <v>48.49</v>
      </c>
      <c r="DP7" s="39">
        <v>48.05</v>
      </c>
      <c r="DQ7" s="39">
        <v>48.87</v>
      </c>
      <c r="DR7" s="39">
        <v>48.85</v>
      </c>
      <c r="DS7" s="39">
        <v>3.68</v>
      </c>
      <c r="DT7" s="39">
        <v>5.08</v>
      </c>
      <c r="DU7" s="39">
        <v>11.07</v>
      </c>
      <c r="DV7" s="39">
        <v>11.22</v>
      </c>
      <c r="DW7" s="39">
        <v>25.79</v>
      </c>
      <c r="DX7" s="39">
        <v>9.85</v>
      </c>
      <c r="DY7" s="39">
        <v>9.7100000000000009</v>
      </c>
      <c r="DZ7" s="39">
        <v>12.79</v>
      </c>
      <c r="EA7" s="39">
        <v>13.39</v>
      </c>
      <c r="EB7" s="39">
        <v>14.85</v>
      </c>
      <c r="EC7" s="39">
        <v>17.8</v>
      </c>
      <c r="ED7" s="39">
        <v>0</v>
      </c>
      <c r="EE7" s="39">
        <v>0</v>
      </c>
      <c r="EF7" s="39">
        <v>0.15</v>
      </c>
      <c r="EG7" s="39">
        <v>0</v>
      </c>
      <c r="EH7" s="39">
        <v>0</v>
      </c>
      <c r="EI7" s="39">
        <v>0.66</v>
      </c>
      <c r="EJ7" s="39">
        <v>0.99</v>
      </c>
      <c r="EK7" s="39">
        <v>0.71</v>
      </c>
      <c r="EL7" s="39">
        <v>0.54</v>
      </c>
      <c r="EM7" s="39">
        <v>0.5</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99</v>
      </c>
      <c r="C9" s="42" t="s">
        <v>100</v>
      </c>
      <c r="D9" s="42" t="s">
        <v>101</v>
      </c>
      <c r="E9" s="42" t="s">
        <v>102</v>
      </c>
      <c r="F9" s="42" t="s">
        <v>103</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20T06:06:43Z</cp:lastPrinted>
  <dcterms:created xsi:type="dcterms:W3CDTF">2019-12-05T04:13:44Z</dcterms:created>
  <dcterms:modified xsi:type="dcterms:W3CDTF">2020-02-26T09:49:32Z</dcterms:modified>
  <cp:category/>
</cp:coreProperties>
</file>